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12\HP2012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6" uniqueCount="31">
  <si>
    <t>富山市の人口</t>
  </si>
  <si>
    <t>住民基本台帳人口</t>
  </si>
  <si>
    <t>令和　　2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２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8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  <xf numFmtId="0" fontId="1" fillId="0" borderId="39" xfId="0" applyFont="1" applyBorder="1" applyAlignment="1">
      <alignment vertical="center"/>
    </xf>
    <xf numFmtId="180" fontId="1" fillId="0" borderId="39" xfId="0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x14ac:dyDescent="0.2"/>
  <cols>
    <col min="1" max="1" width="3.6640625" style="1" customWidth="1"/>
    <col min="2" max="7" width="5.6640625" style="2" customWidth="1"/>
    <col min="8" max="8" width="6.2187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2187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2187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2187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2187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2187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2187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2187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2187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2187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2187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2187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2187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2187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2187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2187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2187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2187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2187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2187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2187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2187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2187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2187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2187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2187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2187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2187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2187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2187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2187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2187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2187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2187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2187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2187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2187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2187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2187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2187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2187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2187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2187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2187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2187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2187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2187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2187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2187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2187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2187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2187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2187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2187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2187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2187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2187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2187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2187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2187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2187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2187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2187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2187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2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1636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4102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1897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2205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100</v>
      </c>
      <c r="D18" s="51">
        <v>210</v>
      </c>
      <c r="E18" s="50">
        <v>217</v>
      </c>
      <c r="F18" s="50">
        <v>247</v>
      </c>
      <c r="G18" s="51">
        <v>464</v>
      </c>
      <c r="H18" s="51">
        <v>-254</v>
      </c>
      <c r="I18" s="50">
        <v>301</v>
      </c>
      <c r="J18" s="50">
        <v>96</v>
      </c>
      <c r="K18" s="50">
        <v>105</v>
      </c>
      <c r="L18" s="51">
        <v>201</v>
      </c>
      <c r="M18" s="50">
        <v>355</v>
      </c>
      <c r="N18" s="50">
        <v>298</v>
      </c>
      <c r="O18" s="50">
        <v>228</v>
      </c>
      <c r="P18" s="51">
        <v>526</v>
      </c>
      <c r="Q18" s="51">
        <v>727</v>
      </c>
      <c r="R18" s="50">
        <v>392</v>
      </c>
      <c r="S18" s="50">
        <v>126</v>
      </c>
      <c r="T18" s="50">
        <v>114</v>
      </c>
      <c r="U18" s="51">
        <v>240</v>
      </c>
      <c r="V18" s="50">
        <v>252</v>
      </c>
      <c r="W18" s="50">
        <v>269</v>
      </c>
      <c r="X18" s="50">
        <v>194</v>
      </c>
      <c r="Y18" s="51">
        <v>463</v>
      </c>
      <c r="Z18" s="51">
        <v>703</v>
      </c>
      <c r="AA18" s="51">
        <v>24</v>
      </c>
      <c r="AB18" s="51">
        <v>-230</v>
      </c>
      <c r="AC18" s="52">
        <v>180046</v>
      </c>
      <c r="AD18" s="52">
        <v>202380</v>
      </c>
      <c r="AE18" s="52">
        <v>213155</v>
      </c>
      <c r="AF18" s="53">
        <v>415535</v>
      </c>
    </row>
    <row r="19" spans="1:32" ht="20.100000000000001" customHeight="1" x14ac:dyDescent="0.2">
      <c r="A19" s="54">
        <v>2</v>
      </c>
      <c r="B19" s="55">
        <v>100</v>
      </c>
      <c r="C19" s="55">
        <v>96</v>
      </c>
      <c r="D19" s="56">
        <v>196</v>
      </c>
      <c r="E19" s="55">
        <v>199</v>
      </c>
      <c r="F19" s="55">
        <v>184</v>
      </c>
      <c r="G19" s="56">
        <v>383</v>
      </c>
      <c r="H19" s="56">
        <v>-187</v>
      </c>
      <c r="I19" s="55">
        <v>333</v>
      </c>
      <c r="J19" s="55">
        <v>125</v>
      </c>
      <c r="K19" s="55">
        <v>127</v>
      </c>
      <c r="L19" s="56">
        <v>252</v>
      </c>
      <c r="M19" s="55">
        <v>328</v>
      </c>
      <c r="N19" s="55">
        <v>305</v>
      </c>
      <c r="O19" s="55">
        <v>190</v>
      </c>
      <c r="P19" s="56">
        <v>495</v>
      </c>
      <c r="Q19" s="56">
        <v>747</v>
      </c>
      <c r="R19" s="55">
        <v>342</v>
      </c>
      <c r="S19" s="55">
        <v>115</v>
      </c>
      <c r="T19" s="55">
        <v>114</v>
      </c>
      <c r="U19" s="56">
        <v>229</v>
      </c>
      <c r="V19" s="55">
        <v>269</v>
      </c>
      <c r="W19" s="55">
        <v>289</v>
      </c>
      <c r="X19" s="55">
        <v>242</v>
      </c>
      <c r="Y19" s="56">
        <v>531</v>
      </c>
      <c r="Z19" s="56">
        <v>760</v>
      </c>
      <c r="AA19" s="56">
        <v>-13</v>
      </c>
      <c r="AB19" s="56">
        <v>-200</v>
      </c>
      <c r="AC19" s="57">
        <v>180096</v>
      </c>
      <c r="AD19" s="57">
        <v>202307</v>
      </c>
      <c r="AE19" s="57">
        <v>213028</v>
      </c>
      <c r="AF19" s="58">
        <v>415335</v>
      </c>
    </row>
    <row r="20" spans="1:32" ht="20.100000000000001" customHeight="1" x14ac:dyDescent="0.2">
      <c r="A20" s="54">
        <v>3</v>
      </c>
      <c r="B20" s="55">
        <v>131</v>
      </c>
      <c r="C20" s="55">
        <v>126</v>
      </c>
      <c r="D20" s="56">
        <v>257</v>
      </c>
      <c r="E20" s="55">
        <v>206</v>
      </c>
      <c r="F20" s="55">
        <v>190</v>
      </c>
      <c r="G20" s="56">
        <v>396</v>
      </c>
      <c r="H20" s="56">
        <v>-139</v>
      </c>
      <c r="I20" s="55">
        <v>612</v>
      </c>
      <c r="J20" s="55">
        <v>268</v>
      </c>
      <c r="K20" s="55">
        <v>231</v>
      </c>
      <c r="L20" s="56">
        <v>499</v>
      </c>
      <c r="M20" s="55">
        <v>1040</v>
      </c>
      <c r="N20" s="55">
        <v>955</v>
      </c>
      <c r="O20" s="55">
        <v>705</v>
      </c>
      <c r="P20" s="56">
        <v>1660</v>
      </c>
      <c r="Q20" s="56">
        <v>2159</v>
      </c>
      <c r="R20" s="55">
        <v>510</v>
      </c>
      <c r="S20" s="55">
        <v>298</v>
      </c>
      <c r="T20" s="55">
        <v>227</v>
      </c>
      <c r="U20" s="56">
        <v>525</v>
      </c>
      <c r="V20" s="55">
        <v>850</v>
      </c>
      <c r="W20" s="55">
        <v>1169</v>
      </c>
      <c r="X20" s="55">
        <v>1002</v>
      </c>
      <c r="Y20" s="56">
        <v>2171</v>
      </c>
      <c r="Z20" s="56">
        <v>2696</v>
      </c>
      <c r="AA20" s="56">
        <v>-537</v>
      </c>
      <c r="AB20" s="56">
        <v>-676</v>
      </c>
      <c r="AC20" s="57">
        <v>180388</v>
      </c>
      <c r="AD20" s="57">
        <v>201988</v>
      </c>
      <c r="AE20" s="57">
        <v>212671</v>
      </c>
      <c r="AF20" s="58">
        <v>414659</v>
      </c>
    </row>
    <row r="21" spans="1:32" ht="20.100000000000001" customHeight="1" x14ac:dyDescent="0.2">
      <c r="A21" s="54">
        <v>4</v>
      </c>
      <c r="B21" s="55">
        <v>149</v>
      </c>
      <c r="C21" s="55">
        <v>106</v>
      </c>
      <c r="D21" s="56">
        <v>255</v>
      </c>
      <c r="E21" s="55">
        <v>178</v>
      </c>
      <c r="F21" s="55">
        <v>196</v>
      </c>
      <c r="G21" s="56">
        <v>374</v>
      </c>
      <c r="H21" s="56">
        <v>-119</v>
      </c>
      <c r="I21" s="55">
        <v>687</v>
      </c>
      <c r="J21" s="55">
        <v>286</v>
      </c>
      <c r="K21" s="55">
        <v>231</v>
      </c>
      <c r="L21" s="56">
        <v>517</v>
      </c>
      <c r="M21" s="55">
        <v>871</v>
      </c>
      <c r="N21" s="55">
        <v>828</v>
      </c>
      <c r="O21" s="55">
        <v>522</v>
      </c>
      <c r="P21" s="56">
        <v>1350</v>
      </c>
      <c r="Q21" s="56">
        <v>1867</v>
      </c>
      <c r="R21" s="55">
        <v>427</v>
      </c>
      <c r="S21" s="55">
        <v>199</v>
      </c>
      <c r="T21" s="55">
        <v>148</v>
      </c>
      <c r="U21" s="56">
        <v>347</v>
      </c>
      <c r="V21" s="55">
        <v>509</v>
      </c>
      <c r="W21" s="55">
        <v>636</v>
      </c>
      <c r="X21" s="55">
        <v>453</v>
      </c>
      <c r="Y21" s="56">
        <v>1089</v>
      </c>
      <c r="Z21" s="56">
        <v>1436</v>
      </c>
      <c r="AA21" s="56">
        <v>431</v>
      </c>
      <c r="AB21" s="56">
        <v>312</v>
      </c>
      <c r="AC21" s="57">
        <v>181010</v>
      </c>
      <c r="AD21" s="57">
        <v>202238</v>
      </c>
      <c r="AE21" s="57">
        <v>212733</v>
      </c>
      <c r="AF21" s="58">
        <v>414971</v>
      </c>
    </row>
    <row r="22" spans="1:32" ht="20.100000000000001" customHeight="1" x14ac:dyDescent="0.2">
      <c r="A22" s="54">
        <v>5</v>
      </c>
      <c r="B22" s="55">
        <v>94</v>
      </c>
      <c r="C22" s="55">
        <v>91</v>
      </c>
      <c r="D22" s="56">
        <v>185</v>
      </c>
      <c r="E22" s="55">
        <v>169</v>
      </c>
      <c r="F22" s="55">
        <v>229</v>
      </c>
      <c r="G22" s="56">
        <v>398</v>
      </c>
      <c r="H22" s="56">
        <v>-213</v>
      </c>
      <c r="I22" s="55">
        <v>298</v>
      </c>
      <c r="J22" s="55">
        <v>100</v>
      </c>
      <c r="K22" s="55">
        <v>105</v>
      </c>
      <c r="L22" s="56">
        <v>205</v>
      </c>
      <c r="M22" s="55">
        <v>202</v>
      </c>
      <c r="N22" s="55">
        <v>211</v>
      </c>
      <c r="O22" s="55">
        <v>134</v>
      </c>
      <c r="P22" s="56">
        <v>345</v>
      </c>
      <c r="Q22" s="56">
        <v>550</v>
      </c>
      <c r="R22" s="55">
        <v>355</v>
      </c>
      <c r="S22" s="55">
        <v>86</v>
      </c>
      <c r="T22" s="55">
        <v>106</v>
      </c>
      <c r="U22" s="56">
        <v>192</v>
      </c>
      <c r="V22" s="55">
        <v>158</v>
      </c>
      <c r="W22" s="55">
        <v>204</v>
      </c>
      <c r="X22" s="55">
        <v>146</v>
      </c>
      <c r="Y22" s="56">
        <v>350</v>
      </c>
      <c r="Z22" s="56">
        <v>542</v>
      </c>
      <c r="AA22" s="56">
        <v>8</v>
      </c>
      <c r="AB22" s="56">
        <v>-205</v>
      </c>
      <c r="AC22" s="57">
        <v>180997</v>
      </c>
      <c r="AD22" s="57">
        <v>202184</v>
      </c>
      <c r="AE22" s="57">
        <v>212582</v>
      </c>
      <c r="AF22" s="58">
        <v>414766</v>
      </c>
    </row>
    <row r="23" spans="1:32" s="64" customFormat="1" ht="20.100000000000001" customHeight="1" x14ac:dyDescent="0.2">
      <c r="A23" s="59">
        <v>6</v>
      </c>
      <c r="B23" s="60">
        <v>134</v>
      </c>
      <c r="C23" s="60">
        <v>133</v>
      </c>
      <c r="D23" s="61">
        <v>267</v>
      </c>
      <c r="E23" s="60">
        <v>171</v>
      </c>
      <c r="F23" s="60">
        <v>183</v>
      </c>
      <c r="G23" s="61">
        <v>354</v>
      </c>
      <c r="H23" s="61">
        <v>-87</v>
      </c>
      <c r="I23" s="60">
        <v>339</v>
      </c>
      <c r="J23" s="60">
        <v>110</v>
      </c>
      <c r="K23" s="60">
        <v>99</v>
      </c>
      <c r="L23" s="61">
        <v>209</v>
      </c>
      <c r="M23" s="60">
        <v>302</v>
      </c>
      <c r="N23" s="60">
        <v>276</v>
      </c>
      <c r="O23" s="60">
        <v>166</v>
      </c>
      <c r="P23" s="61">
        <v>442</v>
      </c>
      <c r="Q23" s="61">
        <v>651</v>
      </c>
      <c r="R23" s="60">
        <v>299</v>
      </c>
      <c r="S23" s="60">
        <v>108</v>
      </c>
      <c r="T23" s="60">
        <v>89</v>
      </c>
      <c r="U23" s="61">
        <v>197</v>
      </c>
      <c r="V23" s="60">
        <v>197</v>
      </c>
      <c r="W23" s="60">
        <v>256</v>
      </c>
      <c r="X23" s="60">
        <v>172</v>
      </c>
      <c r="Y23" s="61">
        <v>428</v>
      </c>
      <c r="Z23" s="61">
        <v>625</v>
      </c>
      <c r="AA23" s="61">
        <v>26</v>
      </c>
      <c r="AB23" s="61">
        <v>-61</v>
      </c>
      <c r="AC23" s="62">
        <v>181142</v>
      </c>
      <c r="AD23" s="62">
        <v>202169</v>
      </c>
      <c r="AE23" s="62">
        <v>212536</v>
      </c>
      <c r="AF23" s="63">
        <v>414705</v>
      </c>
    </row>
    <row r="24" spans="1:32" ht="20.100000000000001" customHeight="1" x14ac:dyDescent="0.2">
      <c r="A24" s="54">
        <v>7</v>
      </c>
      <c r="B24" s="55">
        <v>120</v>
      </c>
      <c r="C24" s="55">
        <v>152</v>
      </c>
      <c r="D24" s="56">
        <v>272</v>
      </c>
      <c r="E24" s="55">
        <v>191</v>
      </c>
      <c r="F24" s="55">
        <v>173</v>
      </c>
      <c r="G24" s="56">
        <v>364</v>
      </c>
      <c r="H24" s="56">
        <v>-92</v>
      </c>
      <c r="I24" s="55">
        <v>382</v>
      </c>
      <c r="J24" s="55">
        <v>115</v>
      </c>
      <c r="K24" s="55">
        <v>118</v>
      </c>
      <c r="L24" s="56">
        <v>233</v>
      </c>
      <c r="M24" s="55">
        <v>266</v>
      </c>
      <c r="N24" s="55">
        <v>260</v>
      </c>
      <c r="O24" s="55">
        <v>154</v>
      </c>
      <c r="P24" s="56">
        <v>414</v>
      </c>
      <c r="Q24" s="56">
        <v>647</v>
      </c>
      <c r="R24" s="55">
        <v>333</v>
      </c>
      <c r="S24" s="55">
        <v>123</v>
      </c>
      <c r="T24" s="55">
        <v>110</v>
      </c>
      <c r="U24" s="56">
        <v>233</v>
      </c>
      <c r="V24" s="55">
        <v>230</v>
      </c>
      <c r="W24" s="55">
        <v>261</v>
      </c>
      <c r="X24" s="55">
        <v>193</v>
      </c>
      <c r="Y24" s="56">
        <v>454</v>
      </c>
      <c r="Z24" s="56">
        <v>687</v>
      </c>
      <c r="AA24" s="56">
        <v>-40</v>
      </c>
      <c r="AB24" s="56">
        <v>-132</v>
      </c>
      <c r="AC24" s="57">
        <v>181227</v>
      </c>
      <c r="AD24" s="57">
        <v>202089</v>
      </c>
      <c r="AE24" s="57">
        <v>212484</v>
      </c>
      <c r="AF24" s="58">
        <v>414573</v>
      </c>
    </row>
    <row r="25" spans="1:32" ht="20.100000000000001" customHeight="1" x14ac:dyDescent="0.2">
      <c r="A25" s="54">
        <v>8</v>
      </c>
      <c r="B25" s="55">
        <v>121</v>
      </c>
      <c r="C25" s="55">
        <v>116</v>
      </c>
      <c r="D25" s="56">
        <v>237</v>
      </c>
      <c r="E25" s="55">
        <v>162</v>
      </c>
      <c r="F25" s="55">
        <v>167</v>
      </c>
      <c r="G25" s="56">
        <v>329</v>
      </c>
      <c r="H25" s="56">
        <v>-92</v>
      </c>
      <c r="I25" s="55">
        <v>360</v>
      </c>
      <c r="J25" s="55">
        <v>128</v>
      </c>
      <c r="K25" s="55">
        <v>118</v>
      </c>
      <c r="L25" s="56">
        <v>246</v>
      </c>
      <c r="M25" s="55">
        <v>255</v>
      </c>
      <c r="N25" s="55">
        <v>274</v>
      </c>
      <c r="O25" s="55">
        <v>188</v>
      </c>
      <c r="P25" s="56">
        <v>462</v>
      </c>
      <c r="Q25" s="56">
        <v>708</v>
      </c>
      <c r="R25" s="55">
        <v>277</v>
      </c>
      <c r="S25" s="55">
        <v>102</v>
      </c>
      <c r="T25" s="55">
        <v>108</v>
      </c>
      <c r="U25" s="56">
        <v>210</v>
      </c>
      <c r="V25" s="55">
        <v>219</v>
      </c>
      <c r="W25" s="55">
        <v>248</v>
      </c>
      <c r="X25" s="55">
        <v>196</v>
      </c>
      <c r="Y25" s="56">
        <v>444</v>
      </c>
      <c r="Z25" s="56">
        <v>654</v>
      </c>
      <c r="AA25" s="56">
        <v>54</v>
      </c>
      <c r="AB25" s="56">
        <v>-38</v>
      </c>
      <c r="AC25" s="57">
        <v>181346</v>
      </c>
      <c r="AD25" s="57">
        <v>202100</v>
      </c>
      <c r="AE25" s="57">
        <v>212435</v>
      </c>
      <c r="AF25" s="58">
        <v>414535</v>
      </c>
    </row>
    <row r="26" spans="1:32" ht="20.100000000000001" customHeight="1" x14ac:dyDescent="0.2">
      <c r="A26" s="54">
        <v>9</v>
      </c>
      <c r="B26" s="55">
        <v>133</v>
      </c>
      <c r="C26" s="55">
        <v>102</v>
      </c>
      <c r="D26" s="56">
        <v>235</v>
      </c>
      <c r="E26" s="55">
        <v>215</v>
      </c>
      <c r="F26" s="55">
        <v>191</v>
      </c>
      <c r="G26" s="56">
        <v>406</v>
      </c>
      <c r="H26" s="56">
        <v>-171</v>
      </c>
      <c r="I26" s="55">
        <v>356</v>
      </c>
      <c r="J26" s="55">
        <v>105</v>
      </c>
      <c r="K26" s="55">
        <v>109</v>
      </c>
      <c r="L26" s="56">
        <v>214</v>
      </c>
      <c r="M26" s="55">
        <v>294</v>
      </c>
      <c r="N26" s="55">
        <v>283</v>
      </c>
      <c r="O26" s="55">
        <v>192</v>
      </c>
      <c r="P26" s="56">
        <v>475</v>
      </c>
      <c r="Q26" s="56">
        <v>689</v>
      </c>
      <c r="R26" s="55">
        <v>364</v>
      </c>
      <c r="S26" s="55">
        <v>142</v>
      </c>
      <c r="T26" s="55">
        <v>105</v>
      </c>
      <c r="U26" s="56">
        <v>247</v>
      </c>
      <c r="V26" s="55">
        <v>238</v>
      </c>
      <c r="W26" s="55">
        <v>254</v>
      </c>
      <c r="X26" s="55">
        <v>198</v>
      </c>
      <c r="Y26" s="56">
        <v>452</v>
      </c>
      <c r="Z26" s="56">
        <v>699</v>
      </c>
      <c r="AA26" s="56">
        <v>-10</v>
      </c>
      <c r="AB26" s="56">
        <v>-181</v>
      </c>
      <c r="AC26" s="57">
        <v>181394</v>
      </c>
      <c r="AD26" s="57">
        <v>202010</v>
      </c>
      <c r="AE26" s="57">
        <v>212344</v>
      </c>
      <c r="AF26" s="58">
        <v>414354</v>
      </c>
    </row>
    <row r="27" spans="1:32" ht="20.100000000000001" customHeight="1" x14ac:dyDescent="0.2">
      <c r="A27" s="54">
        <v>10</v>
      </c>
      <c r="B27" s="55">
        <v>111</v>
      </c>
      <c r="C27" s="55">
        <v>142</v>
      </c>
      <c r="D27" s="56">
        <v>253</v>
      </c>
      <c r="E27" s="55">
        <v>190</v>
      </c>
      <c r="F27" s="55">
        <v>201</v>
      </c>
      <c r="G27" s="56">
        <v>391</v>
      </c>
      <c r="H27" s="56">
        <v>-138</v>
      </c>
      <c r="I27" s="55">
        <v>383</v>
      </c>
      <c r="J27" s="55">
        <v>139</v>
      </c>
      <c r="K27" s="55">
        <v>126</v>
      </c>
      <c r="L27" s="56">
        <v>265</v>
      </c>
      <c r="M27" s="55">
        <v>323</v>
      </c>
      <c r="N27" s="55">
        <v>291</v>
      </c>
      <c r="O27" s="55">
        <v>202</v>
      </c>
      <c r="P27" s="56">
        <v>493</v>
      </c>
      <c r="Q27" s="56">
        <v>758</v>
      </c>
      <c r="R27" s="55">
        <v>365</v>
      </c>
      <c r="S27" s="55">
        <v>132</v>
      </c>
      <c r="T27" s="55">
        <v>127</v>
      </c>
      <c r="U27" s="56">
        <v>259</v>
      </c>
      <c r="V27" s="55">
        <v>254</v>
      </c>
      <c r="W27" s="55">
        <v>275</v>
      </c>
      <c r="X27" s="55">
        <v>197</v>
      </c>
      <c r="Y27" s="56">
        <v>472</v>
      </c>
      <c r="Z27" s="56">
        <v>731</v>
      </c>
      <c r="AA27" s="56">
        <v>27</v>
      </c>
      <c r="AB27" s="56">
        <v>-111</v>
      </c>
      <c r="AC27" s="57">
        <v>181481</v>
      </c>
      <c r="AD27" s="57">
        <v>201954</v>
      </c>
      <c r="AE27" s="57">
        <v>212289</v>
      </c>
      <c r="AF27" s="58">
        <v>414243</v>
      </c>
    </row>
    <row r="28" spans="1:32" ht="20.100000000000001" customHeight="1" x14ac:dyDescent="0.2">
      <c r="A28" s="54">
        <v>11</v>
      </c>
      <c r="B28" s="55">
        <v>113</v>
      </c>
      <c r="C28" s="55">
        <v>111</v>
      </c>
      <c r="D28" s="56">
        <v>224</v>
      </c>
      <c r="E28" s="55">
        <v>192</v>
      </c>
      <c r="F28" s="55">
        <v>222</v>
      </c>
      <c r="G28" s="56">
        <v>414</v>
      </c>
      <c r="H28" s="56">
        <v>-190</v>
      </c>
      <c r="I28" s="55">
        <v>369</v>
      </c>
      <c r="J28" s="55">
        <v>119</v>
      </c>
      <c r="K28" s="55">
        <v>150</v>
      </c>
      <c r="L28" s="56">
        <v>269</v>
      </c>
      <c r="M28" s="55">
        <v>308</v>
      </c>
      <c r="N28" s="55">
        <v>263</v>
      </c>
      <c r="O28" s="55">
        <v>194</v>
      </c>
      <c r="P28" s="56">
        <v>457</v>
      </c>
      <c r="Q28" s="56">
        <v>726</v>
      </c>
      <c r="R28" s="55">
        <v>394</v>
      </c>
      <c r="S28" s="55">
        <v>140</v>
      </c>
      <c r="T28" s="55">
        <v>116</v>
      </c>
      <c r="U28" s="56">
        <v>256</v>
      </c>
      <c r="V28" s="55">
        <v>197</v>
      </c>
      <c r="W28" s="55">
        <v>193</v>
      </c>
      <c r="X28" s="55">
        <v>152</v>
      </c>
      <c r="Y28" s="56">
        <v>345</v>
      </c>
      <c r="Z28" s="56">
        <v>601</v>
      </c>
      <c r="AA28" s="56">
        <v>125</v>
      </c>
      <c r="AB28" s="56">
        <v>-65</v>
      </c>
      <c r="AC28" s="57">
        <v>181567</v>
      </c>
      <c r="AD28" s="57">
        <v>201924</v>
      </c>
      <c r="AE28" s="57">
        <v>212254</v>
      </c>
      <c r="AF28" s="58">
        <v>414178</v>
      </c>
    </row>
    <row r="29" spans="1:32" ht="20.100000000000001" customHeight="1" x14ac:dyDescent="0.2">
      <c r="A29" s="65">
        <v>12</v>
      </c>
      <c r="B29" s="66">
        <v>136</v>
      </c>
      <c r="C29" s="66">
        <v>108</v>
      </c>
      <c r="D29" s="67">
        <v>244</v>
      </c>
      <c r="E29" s="66">
        <v>228</v>
      </c>
      <c r="F29" s="66">
        <v>210</v>
      </c>
      <c r="G29" s="67">
        <v>438</v>
      </c>
      <c r="H29" s="67">
        <v>-194</v>
      </c>
      <c r="I29" s="66">
        <v>313</v>
      </c>
      <c r="J29" s="66">
        <v>109</v>
      </c>
      <c r="K29" s="66">
        <v>130</v>
      </c>
      <c r="L29" s="67">
        <v>239</v>
      </c>
      <c r="M29" s="66">
        <v>378</v>
      </c>
      <c r="N29" s="66">
        <v>301</v>
      </c>
      <c r="O29" s="66">
        <v>209</v>
      </c>
      <c r="P29" s="67">
        <v>510</v>
      </c>
      <c r="Q29" s="67">
        <v>749</v>
      </c>
      <c r="R29" s="66">
        <v>389</v>
      </c>
      <c r="S29" s="66">
        <v>119</v>
      </c>
      <c r="T29" s="66">
        <v>115</v>
      </c>
      <c r="U29" s="67">
        <v>234</v>
      </c>
      <c r="V29" s="66">
        <v>233</v>
      </c>
      <c r="W29" s="66">
        <v>226</v>
      </c>
      <c r="X29" s="66">
        <v>171</v>
      </c>
      <c r="Y29" s="67">
        <v>397</v>
      </c>
      <c r="Z29" s="67">
        <v>631</v>
      </c>
      <c r="AA29" s="67">
        <v>118</v>
      </c>
      <c r="AB29" s="67">
        <v>-76</v>
      </c>
      <c r="AC29" s="68">
        <v>181636</v>
      </c>
      <c r="AD29" s="68">
        <v>201897</v>
      </c>
      <c r="AE29" s="68">
        <v>212205</v>
      </c>
      <c r="AF29" s="69">
        <v>414102</v>
      </c>
    </row>
    <row r="30" spans="1:32" ht="20.100000000000001" customHeight="1" x14ac:dyDescent="0.2">
      <c r="A30" s="45" t="s">
        <v>24</v>
      </c>
      <c r="B30" s="70">
        <v>1452</v>
      </c>
      <c r="C30" s="70">
        <v>1383</v>
      </c>
      <c r="D30" s="70">
        <v>2835</v>
      </c>
      <c r="E30" s="70">
        <v>2318</v>
      </c>
      <c r="F30" s="70">
        <v>2393</v>
      </c>
      <c r="G30" s="70">
        <v>4711</v>
      </c>
      <c r="H30" s="70">
        <v>-1876</v>
      </c>
      <c r="I30" s="70">
        <v>4733</v>
      </c>
      <c r="J30" s="70">
        <v>1700</v>
      </c>
      <c r="K30" s="70">
        <v>1649</v>
      </c>
      <c r="L30" s="70">
        <v>3349</v>
      </c>
      <c r="M30" s="70">
        <v>4922</v>
      </c>
      <c r="N30" s="70">
        <v>4545</v>
      </c>
      <c r="O30" s="70">
        <v>3084</v>
      </c>
      <c r="P30" s="70">
        <v>7629</v>
      </c>
      <c r="Q30" s="70">
        <v>10978</v>
      </c>
      <c r="R30" s="70">
        <v>4447</v>
      </c>
      <c r="S30" s="70">
        <v>1690</v>
      </c>
      <c r="T30" s="70">
        <v>1479</v>
      </c>
      <c r="U30" s="70">
        <v>3169</v>
      </c>
      <c r="V30" s="70">
        <v>3606</v>
      </c>
      <c r="W30" s="70">
        <v>4280</v>
      </c>
      <c r="X30" s="70">
        <v>3316</v>
      </c>
      <c r="Y30" s="70">
        <v>7596</v>
      </c>
      <c r="Z30" s="70">
        <v>10765</v>
      </c>
      <c r="AA30" s="70">
        <v>213</v>
      </c>
      <c r="AB30" s="70">
        <v>-1663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29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5"/>
      <c r="AC32" s="75"/>
      <c r="AD32" s="75"/>
      <c r="AE32" s="75"/>
      <c r="AF32" s="75"/>
    </row>
    <row r="33" spans="2:36" x14ac:dyDescent="0.2">
      <c r="B33" s="74" t="s">
        <v>30</v>
      </c>
    </row>
    <row r="34" spans="2:36" hidden="1" x14ac:dyDescent="0.2">
      <c r="AF34" s="76">
        <v>1</v>
      </c>
      <c r="AG34" s="77">
        <v>180046</v>
      </c>
      <c r="AH34" s="77">
        <v>202380</v>
      </c>
      <c r="AI34" s="77">
        <v>213155</v>
      </c>
      <c r="AJ34" s="77">
        <v>415535</v>
      </c>
    </row>
    <row r="35" spans="2:36" hidden="1" x14ac:dyDescent="0.2">
      <c r="AF35" s="76">
        <v>2</v>
      </c>
      <c r="AG35" s="77">
        <v>180096</v>
      </c>
      <c r="AH35" s="77">
        <v>202307</v>
      </c>
      <c r="AI35" s="77">
        <v>213028</v>
      </c>
      <c r="AJ35" s="77">
        <v>415335</v>
      </c>
    </row>
    <row r="36" spans="2:36" hidden="1" x14ac:dyDescent="0.2">
      <c r="AF36" s="76">
        <v>3</v>
      </c>
      <c r="AG36" s="77">
        <v>180388</v>
      </c>
      <c r="AH36" s="77">
        <v>201988</v>
      </c>
      <c r="AI36" s="77">
        <v>212671</v>
      </c>
      <c r="AJ36" s="77">
        <v>414659</v>
      </c>
    </row>
    <row r="37" spans="2:36" hidden="1" x14ac:dyDescent="0.2">
      <c r="AF37" s="76">
        <v>4</v>
      </c>
      <c r="AG37" s="77">
        <v>181010</v>
      </c>
      <c r="AH37" s="77">
        <v>202238</v>
      </c>
      <c r="AI37" s="77">
        <v>212733</v>
      </c>
      <c r="AJ37" s="77">
        <v>414971</v>
      </c>
    </row>
    <row r="38" spans="2:36" hidden="1" x14ac:dyDescent="0.2">
      <c r="AF38" s="76">
        <v>5</v>
      </c>
      <c r="AG38" s="77">
        <v>180997</v>
      </c>
      <c r="AH38" s="77">
        <v>202184</v>
      </c>
      <c r="AI38" s="77">
        <v>212582</v>
      </c>
      <c r="AJ38" s="77">
        <v>414766</v>
      </c>
    </row>
    <row r="39" spans="2:36" hidden="1" x14ac:dyDescent="0.2">
      <c r="AF39" s="76">
        <v>6</v>
      </c>
      <c r="AG39" s="77">
        <v>181142</v>
      </c>
      <c r="AH39" s="77">
        <v>202169</v>
      </c>
      <c r="AI39" s="77">
        <v>212536</v>
      </c>
      <c r="AJ39" s="77">
        <v>414705</v>
      </c>
    </row>
    <row r="40" spans="2:36" hidden="1" x14ac:dyDescent="0.2">
      <c r="AF40" s="76">
        <v>7</v>
      </c>
      <c r="AG40" s="77">
        <v>181227</v>
      </c>
      <c r="AH40" s="77">
        <v>202089</v>
      </c>
      <c r="AI40" s="77">
        <v>212484</v>
      </c>
      <c r="AJ40" s="77">
        <v>414573</v>
      </c>
    </row>
    <row r="41" spans="2:36" hidden="1" x14ac:dyDescent="0.2">
      <c r="AF41" s="76">
        <v>8</v>
      </c>
      <c r="AG41" s="77">
        <v>181346</v>
      </c>
      <c r="AH41" s="77">
        <v>202100</v>
      </c>
      <c r="AI41" s="77">
        <v>212435</v>
      </c>
      <c r="AJ41" s="77">
        <v>414535</v>
      </c>
    </row>
    <row r="42" spans="2:36" hidden="1" x14ac:dyDescent="0.2">
      <c r="AF42" s="76">
        <v>9</v>
      </c>
      <c r="AG42" s="77">
        <v>181394</v>
      </c>
      <c r="AH42" s="77">
        <v>202010</v>
      </c>
      <c r="AI42" s="77">
        <v>212344</v>
      </c>
      <c r="AJ42" s="77">
        <v>414354</v>
      </c>
    </row>
    <row r="43" spans="2:36" hidden="1" x14ac:dyDescent="0.2">
      <c r="AF43" s="76">
        <v>10</v>
      </c>
      <c r="AG43" s="77">
        <v>181481</v>
      </c>
      <c r="AH43" s="77">
        <v>201954</v>
      </c>
      <c r="AI43" s="77">
        <v>212289</v>
      </c>
      <c r="AJ43" s="77">
        <v>414243</v>
      </c>
    </row>
    <row r="44" spans="2:36" hidden="1" x14ac:dyDescent="0.2">
      <c r="AF44" s="76">
        <v>11</v>
      </c>
      <c r="AG44" s="77">
        <v>181567</v>
      </c>
      <c r="AH44" s="77">
        <v>201924</v>
      </c>
      <c r="AI44" s="77">
        <v>212254</v>
      </c>
      <c r="AJ44" s="77">
        <v>414178</v>
      </c>
    </row>
    <row r="45" spans="2:36" hidden="1" x14ac:dyDescent="0.2">
      <c r="AF45" s="76">
        <v>12</v>
      </c>
      <c r="AG45" s="77">
        <v>181636</v>
      </c>
      <c r="AH45" s="77">
        <v>201897</v>
      </c>
      <c r="AI45" s="77">
        <v>212205</v>
      </c>
      <c r="AJ45" s="77">
        <v>414102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67" orientation="landscape" blackAndWhite="1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1-04T11:32:47Z</dcterms:created>
  <dcterms:modified xsi:type="dcterms:W3CDTF">2021-01-04T11:32:48Z</dcterms:modified>
</cp:coreProperties>
</file>